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4-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4-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mm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CB57C132-04A9-B0BA-A1B8-31556F01970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51" y="4844319"/>
            <a:ext cx="2947124" cy="176238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16B794CF-7B17-77DA-773E-023582ECB4E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5427" y="4037289"/>
            <a:ext cx="2127974" cy="127252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9-24T11:38:41Z</dcterms:modified>
</cp:coreProperties>
</file>